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lang w:eastAsia="cs-CZ"/>
        </w:rPr>
        <w:t>Dobrý den,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lang w:eastAsia="cs-CZ"/>
        </w:rPr>
        <w:t> 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D25FA2">
        <w:rPr>
          <w:rFonts w:ascii="Calibri" w:eastAsia="Times New Roman" w:hAnsi="Calibri" w:cs="Calibri"/>
          <w:lang w:eastAsia="cs-CZ"/>
        </w:rPr>
        <w:t>XXXXXXXX</w:t>
      </w:r>
      <w:r w:rsidRPr="007A453D">
        <w:rPr>
          <w:rFonts w:ascii="Calibri" w:eastAsia="Times New Roman" w:hAnsi="Calibri" w:cs="Calibri"/>
          <w:lang w:eastAsia="cs-CZ"/>
        </w:rPr>
        <w:t>, bude fakturovaná částkou 105.900,- Kč bez DPH a 118.608,- Kč s DPH 12%.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lang w:eastAsia="cs-CZ"/>
        </w:rPr>
        <w:t> 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lang w:eastAsia="cs-CZ"/>
        </w:rPr>
        <w:t>S pozdravem,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lang w:eastAsia="cs-CZ"/>
        </w:rPr>
        <w:t> </w:t>
      </w:r>
    </w:p>
    <w:p w:rsidR="007A453D" w:rsidRPr="007A453D" w:rsidRDefault="00D25FA2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</w:t>
      </w:r>
    </w:p>
    <w:p w:rsidR="007A453D" w:rsidRDefault="007A453D" w:rsidP="007A453D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</w:pPr>
      <w:r w:rsidRPr="007A453D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D25FA2" w:rsidRDefault="00D25FA2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</w:p>
    <w:p w:rsidR="007A453D" w:rsidRPr="007A453D" w:rsidRDefault="00D25FA2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XXXXX</w:t>
      </w:r>
      <w:r w:rsidR="007A453D" w:rsidRPr="007A453D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7A453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D25FA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7A453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D25FA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  <w:bookmarkStart w:id="0" w:name="_GoBack"/>
      <w:bookmarkEnd w:id="0"/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7A453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D25FA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7A453D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roqjs3kg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roqjs3kg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A453D" w:rsidRPr="007A453D" w:rsidRDefault="007A453D" w:rsidP="007A453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A453D">
        <w:rPr>
          <w:rFonts w:ascii="Calibri" w:eastAsia="Times New Roman" w:hAnsi="Calibri" w:cs="Calibri"/>
          <w:lang w:eastAsia="cs-CZ"/>
        </w:rPr>
        <w:t> </w:t>
      </w:r>
    </w:p>
    <w:p w:rsidR="00870EF8" w:rsidRDefault="00870EF8"/>
    <w:sectPr w:rsidR="00870EF8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A453D"/>
    <w:rsid w:val="007A453D"/>
    <w:rsid w:val="00870EF8"/>
    <w:rsid w:val="00D25F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A453D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A453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A453D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A453D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A453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A453D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5243973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7</Words>
  <Characters>339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9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3-05T10:56:00Z</cp:lastPrinted>
  <dcterms:created xsi:type="dcterms:W3CDTF">2025-03-05T10:59:00Z</dcterms:created>
  <dcterms:modified xsi:type="dcterms:W3CDTF">2025-03-05T10:59:00Z</dcterms:modified>
</cp:coreProperties>
</file>